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2093\Desktop\"/>
    </mc:Choice>
  </mc:AlternateContent>
  <bookViews>
    <workbookView xWindow="0" yWindow="0" windowWidth="19365" windowHeight="6765"/>
  </bookViews>
  <sheets>
    <sheet name="貸出用具一覧表" sheetId="1" r:id="rId1"/>
  </sheets>
  <definedNames>
    <definedName name="_xlnm.Print_Area" localSheetId="0">貸出用具一覧表!$A$1:$F$46</definedName>
    <definedName name="_xlnm.Print_Titles" localSheetId="0">貸出用具一覧表!$1:$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4" uniqueCount="85">
  <si>
    <t>№</t>
    <phoneticPr fontId="1"/>
  </si>
  <si>
    <t>種目名／品名</t>
    <rPh sb="0" eb="2">
      <t>シュモク</t>
    </rPh>
    <rPh sb="2" eb="3">
      <t>メイ</t>
    </rPh>
    <rPh sb="4" eb="5">
      <t>ヒン</t>
    </rPh>
    <rPh sb="5" eb="6">
      <t>メイ</t>
    </rPh>
    <phoneticPr fontId="1"/>
  </si>
  <si>
    <t>規格等</t>
    <rPh sb="0" eb="3">
      <t>キカクトウ</t>
    </rPh>
    <phoneticPr fontId="1"/>
  </si>
  <si>
    <t>単位</t>
    <rPh sb="0" eb="2">
      <t>タンイ</t>
    </rPh>
    <phoneticPr fontId="1"/>
  </si>
  <si>
    <t>用途／備考</t>
    <rPh sb="0" eb="1">
      <t>ヨウ</t>
    </rPh>
    <rPh sb="1" eb="2">
      <t>ト</t>
    </rPh>
    <rPh sb="3" eb="5">
      <t>ビコウ</t>
    </rPh>
    <phoneticPr fontId="1"/>
  </si>
  <si>
    <t>キンボール</t>
    <phoneticPr fontId="1"/>
  </si>
  <si>
    <t>ボール・ビブス・得点盤・ブロアー</t>
    <rPh sb="8" eb="10">
      <t>トクテン</t>
    </rPh>
    <rPh sb="10" eb="11">
      <t>バン</t>
    </rPh>
    <phoneticPr fontId="1"/>
  </si>
  <si>
    <t>セット</t>
    <phoneticPr fontId="1"/>
  </si>
  <si>
    <t>チャレンジ・ザ・ゲーム</t>
    <phoneticPr fontId="1"/>
  </si>
  <si>
    <t>キャッチ・ザ・スティック</t>
    <phoneticPr fontId="1"/>
  </si>
  <si>
    <t>リング・キャッチ</t>
    <phoneticPr fontId="1"/>
  </si>
  <si>
    <t>ティーベースボール</t>
    <phoneticPr fontId="1"/>
  </si>
  <si>
    <t>ティー２、ボール２</t>
    <phoneticPr fontId="1"/>
  </si>
  <si>
    <t>ファミリーバドミントン</t>
    <phoneticPr fontId="1"/>
  </si>
  <si>
    <t>ラケット</t>
    <phoneticPr fontId="1"/>
  </si>
  <si>
    <t>シャトル</t>
    <phoneticPr fontId="1"/>
  </si>
  <si>
    <t>個</t>
    <rPh sb="0" eb="1">
      <t>コ</t>
    </rPh>
    <phoneticPr fontId="1"/>
  </si>
  <si>
    <t>スポンジテニス</t>
    <phoneticPr fontId="1"/>
  </si>
  <si>
    <t>ラケット２、ボール１１</t>
    <phoneticPr fontId="1"/>
  </si>
  <si>
    <t>ペタンク</t>
    <phoneticPr fontId="1"/>
  </si>
  <si>
    <t>室内ペタンク（日レクボール）</t>
    <rPh sb="0" eb="2">
      <t>シツナイ</t>
    </rPh>
    <rPh sb="7" eb="8">
      <t>ニチ</t>
    </rPh>
    <phoneticPr fontId="1"/>
  </si>
  <si>
    <t>ドッチビー</t>
    <phoneticPr fontId="1"/>
  </si>
  <si>
    <t>ディスク</t>
    <phoneticPr fontId="1"/>
  </si>
  <si>
    <t>枚</t>
    <rPh sb="0" eb="1">
      <t>マイ</t>
    </rPh>
    <phoneticPr fontId="1"/>
  </si>
  <si>
    <t>インディアカ</t>
    <phoneticPr fontId="1"/>
  </si>
  <si>
    <t>ボッチャ</t>
    <phoneticPr fontId="1"/>
  </si>
  <si>
    <t>ビブス</t>
    <phoneticPr fontId="1"/>
  </si>
  <si>
    <t>赤１０枚、青９枚</t>
    <rPh sb="0" eb="1">
      <t>アカ</t>
    </rPh>
    <rPh sb="3" eb="4">
      <t>マイ</t>
    </rPh>
    <rPh sb="5" eb="6">
      <t>アオ</t>
    </rPh>
    <rPh sb="7" eb="8">
      <t>マイ</t>
    </rPh>
    <phoneticPr fontId="1"/>
  </si>
  <si>
    <t>メジャー</t>
    <phoneticPr fontId="1"/>
  </si>
  <si>
    <t>３０m</t>
    <phoneticPr fontId="1"/>
  </si>
  <si>
    <t>長縄</t>
    <rPh sb="0" eb="2">
      <t>ナガナワ</t>
    </rPh>
    <phoneticPr fontId="1"/>
  </si>
  <si>
    <t>本</t>
    <rPh sb="0" eb="1">
      <t>ホン</t>
    </rPh>
    <phoneticPr fontId="1"/>
  </si>
  <si>
    <t>グラウンドゴルフ</t>
    <phoneticPr fontId="1"/>
  </si>
  <si>
    <t>クラブ（６本組）</t>
    <rPh sb="5" eb="6">
      <t>ホン</t>
    </rPh>
    <rPh sb="6" eb="7">
      <t>クミ</t>
    </rPh>
    <phoneticPr fontId="1"/>
  </si>
  <si>
    <t>不揃いセットあり　　</t>
    <rPh sb="0" eb="2">
      <t>フゾロ</t>
    </rPh>
    <phoneticPr fontId="1"/>
  </si>
  <si>
    <t>ホールポスト</t>
    <phoneticPr fontId="1"/>
  </si>
  <si>
    <t>ホールフラッグなし</t>
    <phoneticPr fontId="1"/>
  </si>
  <si>
    <t>ボール（屋外用）</t>
    <rPh sb="4" eb="7">
      <t>オクガイヨウ</t>
    </rPh>
    <phoneticPr fontId="1"/>
  </si>
  <si>
    <t>ボール（屋内用）</t>
    <rPh sb="4" eb="7">
      <t>オクナイヨウ</t>
    </rPh>
    <phoneticPr fontId="1"/>
  </si>
  <si>
    <t>６色×２セット</t>
    <rPh sb="1" eb="2">
      <t>ショク</t>
    </rPh>
    <phoneticPr fontId="1"/>
  </si>
  <si>
    <t>ダイヤゾーンボール</t>
    <phoneticPr fontId="1"/>
  </si>
  <si>
    <t>スティック（１０本1セット）</t>
    <rPh sb="8" eb="9">
      <t>ホン</t>
    </rPh>
    <phoneticPr fontId="1"/>
  </si>
  <si>
    <t>ボール屋外用：10個１セット</t>
    <rPh sb="3" eb="6">
      <t>オクガイヨウ</t>
    </rPh>
    <rPh sb="9" eb="10">
      <t>コ</t>
    </rPh>
    <phoneticPr fontId="1"/>
  </si>
  <si>
    <t>ボール屋内用：10個１セット</t>
    <rPh sb="3" eb="6">
      <t>オクナイヨウ</t>
    </rPh>
    <phoneticPr fontId="1"/>
  </si>
  <si>
    <t>ダイヤゾーン、ダイヤゲート、ホール</t>
    <phoneticPr fontId="1"/>
  </si>
  <si>
    <t>ハンマー・釘</t>
    <rPh sb="5" eb="6">
      <t>クギ</t>
    </rPh>
    <phoneticPr fontId="1"/>
  </si>
  <si>
    <t>式</t>
    <rPh sb="0" eb="1">
      <t>シキ</t>
    </rPh>
    <phoneticPr fontId="1"/>
  </si>
  <si>
    <t>釘に錆あり</t>
    <rPh sb="0" eb="1">
      <t>クギ</t>
    </rPh>
    <rPh sb="2" eb="3">
      <t>サビ</t>
    </rPh>
    <phoneticPr fontId="1"/>
  </si>
  <si>
    <t>マーカープレート</t>
    <phoneticPr fontId="1"/>
  </si>
  <si>
    <t>チュックボール</t>
    <phoneticPr fontId="1"/>
  </si>
  <si>
    <t>ネット１、ボール２</t>
    <phoneticPr fontId="1"/>
  </si>
  <si>
    <t>スカットボール</t>
    <phoneticPr fontId="1"/>
  </si>
  <si>
    <t>スカット台１、球10個、マット１台</t>
    <rPh sb="4" eb="5">
      <t>ダイ</t>
    </rPh>
    <rPh sb="7" eb="8">
      <t>タマ</t>
    </rPh>
    <rPh sb="10" eb="11">
      <t>コ</t>
    </rPh>
    <rPh sb="16" eb="17">
      <t>ダイ</t>
    </rPh>
    <phoneticPr fontId="1"/>
  </si>
  <si>
    <t>バウンドテニス</t>
    <phoneticPr fontId="1"/>
  </si>
  <si>
    <t>移動式ネット　ラケット１８　ボール２２</t>
    <rPh sb="0" eb="2">
      <t>イドウ</t>
    </rPh>
    <rPh sb="2" eb="3">
      <t>シキ</t>
    </rPh>
    <phoneticPr fontId="1"/>
  </si>
  <si>
    <t>クロリティー</t>
    <phoneticPr fontId="1"/>
  </si>
  <si>
    <t>ボード１、リング１０本×２色、レーン</t>
    <rPh sb="10" eb="11">
      <t>ホン</t>
    </rPh>
    <rPh sb="13" eb="14">
      <t>ショク</t>
    </rPh>
    <phoneticPr fontId="1"/>
  </si>
  <si>
    <t>インドアクップ</t>
    <phoneticPr fontId="1"/>
  </si>
  <si>
    <t>スピードラダー</t>
    <phoneticPr fontId="1"/>
  </si>
  <si>
    <t>L10ｍ×プレート16本（８個）、他１個</t>
    <rPh sb="11" eb="12">
      <t>ホン</t>
    </rPh>
    <rPh sb="14" eb="15">
      <t>コ</t>
    </rPh>
    <rPh sb="17" eb="18">
      <t>ホカ</t>
    </rPh>
    <rPh sb="19" eb="20">
      <t>コ</t>
    </rPh>
    <phoneticPr fontId="1"/>
  </si>
  <si>
    <t>ステップハードル</t>
    <phoneticPr fontId="1"/>
  </si>
  <si>
    <t>５台１組（H15ｃｍ）、</t>
    <rPh sb="1" eb="2">
      <t>ダイ</t>
    </rPh>
    <rPh sb="3" eb="4">
      <t>クミ</t>
    </rPh>
    <phoneticPr fontId="1"/>
  </si>
  <si>
    <t>組</t>
    <rPh sb="0" eb="1">
      <t>ク</t>
    </rPh>
    <phoneticPr fontId="1"/>
  </si>
  <si>
    <t>マイクロハードル</t>
    <phoneticPr fontId="1"/>
  </si>
  <si>
    <t>８個１組</t>
    <rPh sb="1" eb="2">
      <t>コ</t>
    </rPh>
    <rPh sb="3" eb="4">
      <t>クミ</t>
    </rPh>
    <phoneticPr fontId="1"/>
  </si>
  <si>
    <t>マーカーコーン</t>
    <phoneticPr fontId="1"/>
  </si>
  <si>
    <t>１０枚１組</t>
    <rPh sb="2" eb="3">
      <t>マイ</t>
    </rPh>
    <rPh sb="4" eb="5">
      <t>クミ</t>
    </rPh>
    <phoneticPr fontId="1"/>
  </si>
  <si>
    <t>ミニコーン</t>
    <phoneticPr fontId="1"/>
  </si>
  <si>
    <t>２個劣化あり</t>
    <rPh sb="1" eb="2">
      <t>コ</t>
    </rPh>
    <rPh sb="2" eb="4">
      <t>レッカ</t>
    </rPh>
    <phoneticPr fontId="1"/>
  </si>
  <si>
    <t>カラーポスト</t>
    <phoneticPr fontId="1"/>
  </si>
  <si>
    <t>３段階の穴あき</t>
    <rPh sb="1" eb="3">
      <t>ダンカイ</t>
    </rPh>
    <rPh sb="4" eb="5">
      <t>アナ</t>
    </rPh>
    <phoneticPr fontId="1"/>
  </si>
  <si>
    <t>カラースティック</t>
    <phoneticPr fontId="1"/>
  </si>
  <si>
    <t>4本1組（120ｃｍ）</t>
    <rPh sb="1" eb="2">
      <t>ホン</t>
    </rPh>
    <rPh sb="3" eb="4">
      <t>クミ</t>
    </rPh>
    <phoneticPr fontId="1"/>
  </si>
  <si>
    <t>イレギュラーボール</t>
    <phoneticPr fontId="1"/>
  </si>
  <si>
    <t>ソフトイレギュラーボール</t>
    <phoneticPr fontId="1"/>
  </si>
  <si>
    <t>スカッドボーイ</t>
    <phoneticPr fontId="1"/>
  </si>
  <si>
    <t>タグラグビー</t>
    <phoneticPr fontId="1"/>
  </si>
  <si>
    <t>ボール5、タグ＆ベルト40組、マーカー</t>
    <rPh sb="13" eb="14">
      <t>クミ</t>
    </rPh>
    <phoneticPr fontId="1"/>
  </si>
  <si>
    <t>ソフトフォームリングディスク</t>
    <phoneticPr fontId="1"/>
  </si>
  <si>
    <t>６枚１組</t>
    <rPh sb="1" eb="2">
      <t>マイ</t>
    </rPh>
    <rPh sb="3" eb="4">
      <t>クミ</t>
    </rPh>
    <phoneticPr fontId="1"/>
  </si>
  <si>
    <t>ソフトバレーボール</t>
    <phoneticPr fontId="1"/>
  </si>
  <si>
    <t>ソフトサッカーボール</t>
    <phoneticPr fontId="1"/>
  </si>
  <si>
    <t>１組２本
×１０セット</t>
    <rPh sb="1" eb="2">
      <t>クミ</t>
    </rPh>
    <rPh sb="3" eb="4">
      <t>ホン</t>
    </rPh>
    <phoneticPr fontId="1"/>
  </si>
  <si>
    <r>
      <t>スポーツ振興課　一般貸出用具一覧表</t>
    </r>
    <r>
      <rPr>
        <sz val="16"/>
        <color theme="1"/>
        <rFont val="游ゴシック"/>
        <family val="3"/>
        <charset val="128"/>
        <scheme val="minor"/>
      </rPr>
      <t/>
    </r>
    <rPh sb="4" eb="6">
      <t>シンコウ</t>
    </rPh>
    <rPh sb="6" eb="7">
      <t>カ</t>
    </rPh>
    <rPh sb="8" eb="10">
      <t>イッパン</t>
    </rPh>
    <rPh sb="10" eb="12">
      <t>カシダシ</t>
    </rPh>
    <rPh sb="12" eb="14">
      <t>ヨウグ</t>
    </rPh>
    <rPh sb="14" eb="16">
      <t>イチラン</t>
    </rPh>
    <rPh sb="16" eb="17">
      <t>ヒョウ</t>
    </rPh>
    <phoneticPr fontId="1"/>
  </si>
  <si>
    <t>（2022年4月改訂）</t>
    <rPh sb="5" eb="6">
      <t>ネン</t>
    </rPh>
    <rPh sb="7" eb="8">
      <t>ガツ</t>
    </rPh>
    <rPh sb="8" eb="10">
      <t>カイ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5"/>
      <color theme="1"/>
      <name val="游ゴシック"/>
      <family val="3"/>
      <charset val="128"/>
      <scheme val="minor"/>
    </font>
    <font>
      <sz val="30"/>
      <color theme="1"/>
      <name val="游ゴシック"/>
      <family val="2"/>
      <charset val="128"/>
      <scheme val="minor"/>
    </font>
    <font>
      <sz val="30"/>
      <color theme="1"/>
      <name val="游ゴシック"/>
      <family val="3"/>
      <charset val="128"/>
      <scheme val="minor"/>
    </font>
    <font>
      <sz val="16"/>
      <color theme="1"/>
      <name val="游ゴシック"/>
      <family val="3"/>
      <charset val="128"/>
      <scheme val="minor"/>
    </font>
    <font>
      <sz val="16"/>
      <color rgb="FFFF0000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6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176" fontId="2" fillId="0" borderId="0" xfId="0" applyNumberFormat="1" applyFont="1">
      <alignment vertical="center"/>
    </xf>
    <xf numFmtId="0" fontId="5" fillId="0" borderId="1" xfId="0" applyFont="1" applyBorder="1" applyAlignment="1">
      <alignment horizontal="center" vertical="center"/>
    </xf>
    <xf numFmtId="176" fontId="5" fillId="0" borderId="1" xfId="0" applyNumberFormat="1" applyFont="1" applyBorder="1" applyAlignment="1">
      <alignment horizontal="center" vertical="center"/>
    </xf>
    <xf numFmtId="0" fontId="5" fillId="0" borderId="1" xfId="0" applyFont="1" applyBorder="1" applyAlignment="1">
      <alignment horizontal="left" vertical="center"/>
    </xf>
    <xf numFmtId="0" fontId="5" fillId="0" borderId="1" xfId="0" applyFont="1" applyBorder="1">
      <alignment vertical="center"/>
    </xf>
    <xf numFmtId="176" fontId="5" fillId="0" borderId="1" xfId="0" applyNumberFormat="1" applyFont="1" applyBorder="1" applyAlignment="1">
      <alignment horizontal="left" vertical="center" wrapText="1"/>
    </xf>
    <xf numFmtId="0" fontId="5" fillId="0" borderId="1" xfId="0" applyFont="1" applyBorder="1" applyAlignment="1">
      <alignment vertical="center"/>
    </xf>
    <xf numFmtId="176" fontId="6" fillId="0" borderId="1" xfId="0" applyNumberFormat="1" applyFont="1" applyBorder="1" applyAlignment="1">
      <alignment horizontal="left" vertical="center" wrapText="1"/>
    </xf>
    <xf numFmtId="0" fontId="5" fillId="0" borderId="1" xfId="0" applyFont="1" applyBorder="1" applyAlignment="1">
      <alignment vertical="center" shrinkToFit="1"/>
    </xf>
    <xf numFmtId="176" fontId="5" fillId="0" borderId="1" xfId="0" applyNumberFormat="1" applyFont="1" applyBorder="1" applyAlignment="1">
      <alignment horizontal="left" vertical="center"/>
    </xf>
    <xf numFmtId="176" fontId="5" fillId="0" borderId="1" xfId="0" applyNumberFormat="1" applyFont="1" applyBorder="1">
      <alignment vertical="center"/>
    </xf>
    <xf numFmtId="0" fontId="3" fillId="0" borderId="2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6"/>
  <sheetViews>
    <sheetView tabSelected="1" view="pageBreakPreview" topLeftCell="A13" zoomScaleNormal="100" zoomScaleSheetLayoutView="100" workbookViewId="0">
      <selection activeCell="C17" sqref="C17"/>
    </sheetView>
  </sheetViews>
  <sheetFormatPr defaultRowHeight="60" customHeight="1" x14ac:dyDescent="0.4"/>
  <cols>
    <col min="1" max="1" width="5.75" style="2" bestFit="1" customWidth="1"/>
    <col min="2" max="2" width="45.625" style="1" customWidth="1"/>
    <col min="3" max="3" width="55.625" style="1" customWidth="1"/>
    <col min="4" max="4" width="5.75" style="2" bestFit="1" customWidth="1"/>
    <col min="5" max="5" width="9.25" style="2" bestFit="1" customWidth="1"/>
    <col min="6" max="6" width="28.5" style="3" bestFit="1" customWidth="1"/>
    <col min="7" max="16384" width="9" style="1"/>
  </cols>
  <sheetData>
    <row r="1" spans="1:6" ht="60" customHeight="1" x14ac:dyDescent="0.4">
      <c r="A1" s="14" t="s">
        <v>83</v>
      </c>
      <c r="B1" s="14"/>
      <c r="C1" s="14"/>
      <c r="D1" s="14"/>
      <c r="E1" s="15" t="s">
        <v>84</v>
      </c>
      <c r="F1" s="15"/>
    </row>
    <row r="2" spans="1:6" s="2" customFormat="1" ht="60" customHeight="1" x14ac:dyDescent="0.4">
      <c r="A2" s="4" t="s">
        <v>0</v>
      </c>
      <c r="B2" s="4" t="s">
        <v>1</v>
      </c>
      <c r="C2" s="4" t="s">
        <v>2</v>
      </c>
      <c r="D2" s="4"/>
      <c r="E2" s="4" t="s">
        <v>3</v>
      </c>
      <c r="F2" s="5" t="s">
        <v>4</v>
      </c>
    </row>
    <row r="3" spans="1:6" ht="60" customHeight="1" x14ac:dyDescent="0.4">
      <c r="A3" s="4">
        <v>1</v>
      </c>
      <c r="B3" s="6" t="s">
        <v>5</v>
      </c>
      <c r="C3" s="7" t="s">
        <v>6</v>
      </c>
      <c r="D3" s="4">
        <v>2</v>
      </c>
      <c r="E3" s="4" t="s">
        <v>7</v>
      </c>
      <c r="F3" s="8"/>
    </row>
    <row r="4" spans="1:6" ht="60" customHeight="1" x14ac:dyDescent="0.4">
      <c r="A4" s="4">
        <v>2</v>
      </c>
      <c r="B4" s="9" t="s">
        <v>8</v>
      </c>
      <c r="C4" s="7" t="s">
        <v>9</v>
      </c>
      <c r="D4" s="4">
        <v>1</v>
      </c>
      <c r="E4" s="4" t="s">
        <v>7</v>
      </c>
      <c r="F4" s="8"/>
    </row>
    <row r="5" spans="1:6" ht="60" customHeight="1" x14ac:dyDescent="0.4">
      <c r="A5" s="4">
        <v>3</v>
      </c>
      <c r="B5" s="9" t="s">
        <v>8</v>
      </c>
      <c r="C5" s="7" t="s">
        <v>10</v>
      </c>
      <c r="D5" s="4">
        <v>1</v>
      </c>
      <c r="E5" s="4" t="s">
        <v>7</v>
      </c>
      <c r="F5" s="8"/>
    </row>
    <row r="6" spans="1:6" ht="60" customHeight="1" x14ac:dyDescent="0.4">
      <c r="A6" s="4">
        <v>4</v>
      </c>
      <c r="B6" s="6" t="s">
        <v>11</v>
      </c>
      <c r="C6" s="7" t="s">
        <v>12</v>
      </c>
      <c r="D6" s="4">
        <v>3</v>
      </c>
      <c r="E6" s="4" t="s">
        <v>7</v>
      </c>
      <c r="F6" s="10"/>
    </row>
    <row r="7" spans="1:6" ht="60" customHeight="1" x14ac:dyDescent="0.4">
      <c r="A7" s="4">
        <v>5</v>
      </c>
      <c r="B7" s="9" t="s">
        <v>13</v>
      </c>
      <c r="C7" s="7" t="s">
        <v>14</v>
      </c>
      <c r="D7" s="4">
        <v>10</v>
      </c>
      <c r="E7" s="4" t="s">
        <v>7</v>
      </c>
      <c r="F7" s="8" t="s">
        <v>82</v>
      </c>
    </row>
    <row r="8" spans="1:6" ht="60" customHeight="1" x14ac:dyDescent="0.4">
      <c r="A8" s="4">
        <v>6</v>
      </c>
      <c r="B8" s="9" t="s">
        <v>13</v>
      </c>
      <c r="C8" s="7" t="s">
        <v>15</v>
      </c>
      <c r="D8" s="4">
        <v>19</v>
      </c>
      <c r="E8" s="4" t="s">
        <v>16</v>
      </c>
      <c r="F8" s="8"/>
    </row>
    <row r="9" spans="1:6" ht="60" customHeight="1" x14ac:dyDescent="0.4">
      <c r="A9" s="4">
        <v>7</v>
      </c>
      <c r="B9" s="6" t="s">
        <v>17</v>
      </c>
      <c r="C9" s="7" t="s">
        <v>18</v>
      </c>
      <c r="D9" s="4">
        <v>1</v>
      </c>
      <c r="E9" s="4" t="s">
        <v>7</v>
      </c>
      <c r="F9" s="8"/>
    </row>
    <row r="10" spans="1:6" ht="60" customHeight="1" x14ac:dyDescent="0.4">
      <c r="A10" s="4">
        <v>8</v>
      </c>
      <c r="B10" s="7" t="s">
        <v>19</v>
      </c>
      <c r="C10" s="7"/>
      <c r="D10" s="4">
        <v>7</v>
      </c>
      <c r="E10" s="4" t="s">
        <v>7</v>
      </c>
      <c r="F10" s="10"/>
    </row>
    <row r="11" spans="1:6" ht="60" customHeight="1" x14ac:dyDescent="0.4">
      <c r="A11" s="4">
        <v>9</v>
      </c>
      <c r="B11" s="11" t="s">
        <v>20</v>
      </c>
      <c r="C11" s="7"/>
      <c r="D11" s="4">
        <v>3</v>
      </c>
      <c r="E11" s="4" t="s">
        <v>7</v>
      </c>
      <c r="F11" s="10"/>
    </row>
    <row r="12" spans="1:6" ht="60" customHeight="1" x14ac:dyDescent="0.4">
      <c r="A12" s="4">
        <v>10</v>
      </c>
      <c r="B12" s="7" t="s">
        <v>21</v>
      </c>
      <c r="C12" s="7" t="s">
        <v>22</v>
      </c>
      <c r="D12" s="4">
        <v>10</v>
      </c>
      <c r="E12" s="4" t="s">
        <v>23</v>
      </c>
      <c r="F12" s="8"/>
    </row>
    <row r="13" spans="1:6" ht="60" customHeight="1" x14ac:dyDescent="0.4">
      <c r="A13" s="4">
        <v>11</v>
      </c>
      <c r="B13" s="6" t="s">
        <v>24</v>
      </c>
      <c r="C13" s="7" t="s">
        <v>15</v>
      </c>
      <c r="D13" s="4">
        <v>10</v>
      </c>
      <c r="E13" s="4" t="s">
        <v>16</v>
      </c>
      <c r="F13" s="8"/>
    </row>
    <row r="14" spans="1:6" ht="60" customHeight="1" x14ac:dyDescent="0.4">
      <c r="A14" s="4">
        <v>12</v>
      </c>
      <c r="B14" s="6" t="s">
        <v>25</v>
      </c>
      <c r="C14" s="7"/>
      <c r="D14" s="4">
        <v>1</v>
      </c>
      <c r="E14" s="4" t="s">
        <v>7</v>
      </c>
      <c r="F14" s="8"/>
    </row>
    <row r="15" spans="1:6" ht="60" customHeight="1" x14ac:dyDescent="0.4">
      <c r="A15" s="4">
        <v>13</v>
      </c>
      <c r="B15" s="7" t="s">
        <v>26</v>
      </c>
      <c r="C15" s="7" t="s">
        <v>27</v>
      </c>
      <c r="D15" s="4">
        <v>1</v>
      </c>
      <c r="E15" s="4" t="s">
        <v>7</v>
      </c>
      <c r="F15" s="8"/>
    </row>
    <row r="16" spans="1:6" ht="60" customHeight="1" x14ac:dyDescent="0.4">
      <c r="A16" s="4">
        <v>14</v>
      </c>
      <c r="B16" s="7" t="s">
        <v>28</v>
      </c>
      <c r="C16" s="7" t="s">
        <v>29</v>
      </c>
      <c r="D16" s="4">
        <v>5</v>
      </c>
      <c r="E16" s="4" t="s">
        <v>16</v>
      </c>
      <c r="F16" s="8"/>
    </row>
    <row r="17" spans="1:6" ht="60" customHeight="1" x14ac:dyDescent="0.4">
      <c r="A17" s="4">
        <v>15</v>
      </c>
      <c r="B17" s="7" t="s">
        <v>30</v>
      </c>
      <c r="C17" s="7"/>
      <c r="D17" s="4">
        <v>2</v>
      </c>
      <c r="E17" s="4" t="s">
        <v>31</v>
      </c>
      <c r="F17" s="8"/>
    </row>
    <row r="18" spans="1:6" ht="60" customHeight="1" x14ac:dyDescent="0.4">
      <c r="A18" s="4">
        <v>16</v>
      </c>
      <c r="B18" s="9" t="s">
        <v>32</v>
      </c>
      <c r="C18" s="7" t="s">
        <v>33</v>
      </c>
      <c r="D18" s="4">
        <v>5</v>
      </c>
      <c r="E18" s="4" t="s">
        <v>7</v>
      </c>
      <c r="F18" s="12" t="s">
        <v>34</v>
      </c>
    </row>
    <row r="19" spans="1:6" ht="60" customHeight="1" x14ac:dyDescent="0.4">
      <c r="A19" s="4">
        <v>17</v>
      </c>
      <c r="B19" s="9" t="s">
        <v>32</v>
      </c>
      <c r="C19" s="7" t="s">
        <v>35</v>
      </c>
      <c r="D19" s="4">
        <v>1</v>
      </c>
      <c r="E19" s="4" t="s">
        <v>7</v>
      </c>
      <c r="F19" s="12" t="s">
        <v>36</v>
      </c>
    </row>
    <row r="20" spans="1:6" ht="60" customHeight="1" x14ac:dyDescent="0.4">
      <c r="A20" s="4">
        <v>18</v>
      </c>
      <c r="B20" s="9" t="s">
        <v>32</v>
      </c>
      <c r="C20" s="7" t="s">
        <v>37</v>
      </c>
      <c r="D20" s="4">
        <v>43</v>
      </c>
      <c r="E20" s="4" t="s">
        <v>16</v>
      </c>
      <c r="F20" s="12" t="s">
        <v>34</v>
      </c>
    </row>
    <row r="21" spans="1:6" ht="60" customHeight="1" x14ac:dyDescent="0.4">
      <c r="A21" s="4">
        <v>19</v>
      </c>
      <c r="B21" s="9" t="s">
        <v>32</v>
      </c>
      <c r="C21" s="7" t="s">
        <v>38</v>
      </c>
      <c r="D21" s="4">
        <v>16</v>
      </c>
      <c r="E21" s="4" t="s">
        <v>16</v>
      </c>
      <c r="F21" s="13" t="s">
        <v>39</v>
      </c>
    </row>
    <row r="22" spans="1:6" ht="60" customHeight="1" x14ac:dyDescent="0.4">
      <c r="A22" s="4">
        <v>20</v>
      </c>
      <c r="B22" s="9" t="s">
        <v>40</v>
      </c>
      <c r="C22" s="7" t="s">
        <v>41</v>
      </c>
      <c r="D22" s="4">
        <v>6</v>
      </c>
      <c r="E22" s="4" t="s">
        <v>7</v>
      </c>
      <c r="F22" s="13"/>
    </row>
    <row r="23" spans="1:6" ht="60" customHeight="1" x14ac:dyDescent="0.4">
      <c r="A23" s="4">
        <v>21</v>
      </c>
      <c r="B23" s="9" t="s">
        <v>40</v>
      </c>
      <c r="C23" s="7" t="s">
        <v>42</v>
      </c>
      <c r="D23" s="4">
        <v>8</v>
      </c>
      <c r="E23" s="4" t="s">
        <v>7</v>
      </c>
      <c r="F23" s="12"/>
    </row>
    <row r="24" spans="1:6" ht="60" customHeight="1" x14ac:dyDescent="0.4">
      <c r="A24" s="4">
        <v>22</v>
      </c>
      <c r="B24" s="9" t="s">
        <v>40</v>
      </c>
      <c r="C24" s="7" t="s">
        <v>43</v>
      </c>
      <c r="D24" s="4">
        <v>8</v>
      </c>
      <c r="E24" s="4" t="s">
        <v>7</v>
      </c>
      <c r="F24" s="13"/>
    </row>
    <row r="25" spans="1:6" ht="60" customHeight="1" x14ac:dyDescent="0.4">
      <c r="A25" s="4">
        <v>23</v>
      </c>
      <c r="B25" s="9" t="s">
        <v>40</v>
      </c>
      <c r="C25" s="7" t="s">
        <v>44</v>
      </c>
      <c r="D25" s="4">
        <v>4</v>
      </c>
      <c r="E25" s="4" t="s">
        <v>7</v>
      </c>
      <c r="F25" s="13"/>
    </row>
    <row r="26" spans="1:6" ht="60" customHeight="1" x14ac:dyDescent="0.4">
      <c r="A26" s="4">
        <v>24</v>
      </c>
      <c r="B26" s="9" t="s">
        <v>40</v>
      </c>
      <c r="C26" s="7" t="s">
        <v>45</v>
      </c>
      <c r="D26" s="4">
        <v>1</v>
      </c>
      <c r="E26" s="4" t="s">
        <v>46</v>
      </c>
      <c r="F26" s="13" t="s">
        <v>47</v>
      </c>
    </row>
    <row r="27" spans="1:6" ht="60" customHeight="1" x14ac:dyDescent="0.4">
      <c r="A27" s="4">
        <v>25</v>
      </c>
      <c r="B27" s="6" t="s">
        <v>48</v>
      </c>
      <c r="C27" s="7"/>
      <c r="D27" s="4">
        <v>2</v>
      </c>
      <c r="E27" s="4" t="s">
        <v>7</v>
      </c>
      <c r="F27" s="13"/>
    </row>
    <row r="28" spans="1:6" ht="60" customHeight="1" x14ac:dyDescent="0.4">
      <c r="A28" s="4">
        <v>26</v>
      </c>
      <c r="B28" s="6" t="s">
        <v>49</v>
      </c>
      <c r="C28" s="7" t="s">
        <v>50</v>
      </c>
      <c r="D28" s="4">
        <v>1</v>
      </c>
      <c r="E28" s="4" t="s">
        <v>7</v>
      </c>
      <c r="F28" s="10"/>
    </row>
    <row r="29" spans="1:6" ht="60" customHeight="1" x14ac:dyDescent="0.4">
      <c r="A29" s="4">
        <v>27</v>
      </c>
      <c r="B29" s="7" t="s">
        <v>51</v>
      </c>
      <c r="C29" s="7" t="s">
        <v>52</v>
      </c>
      <c r="D29" s="4">
        <v>1</v>
      </c>
      <c r="E29" s="4" t="s">
        <v>7</v>
      </c>
      <c r="F29" s="10"/>
    </row>
    <row r="30" spans="1:6" ht="60" customHeight="1" x14ac:dyDescent="0.4">
      <c r="A30" s="4">
        <v>28</v>
      </c>
      <c r="B30" s="7" t="s">
        <v>53</v>
      </c>
      <c r="C30" s="7" t="s">
        <v>54</v>
      </c>
      <c r="D30" s="4">
        <v>1</v>
      </c>
      <c r="E30" s="4" t="s">
        <v>7</v>
      </c>
      <c r="F30" s="10"/>
    </row>
    <row r="31" spans="1:6" ht="60" customHeight="1" x14ac:dyDescent="0.4">
      <c r="A31" s="4">
        <v>29</v>
      </c>
      <c r="B31" s="7" t="s">
        <v>55</v>
      </c>
      <c r="C31" s="7" t="s">
        <v>56</v>
      </c>
      <c r="D31" s="4">
        <v>1</v>
      </c>
      <c r="E31" s="4" t="s">
        <v>7</v>
      </c>
      <c r="F31" s="10"/>
    </row>
    <row r="32" spans="1:6" ht="60" customHeight="1" x14ac:dyDescent="0.4">
      <c r="A32" s="4">
        <v>30</v>
      </c>
      <c r="B32" s="7" t="s">
        <v>57</v>
      </c>
      <c r="C32" s="7"/>
      <c r="D32" s="4">
        <v>3</v>
      </c>
      <c r="E32" s="4" t="s">
        <v>7</v>
      </c>
      <c r="F32" s="10"/>
    </row>
    <row r="33" spans="1:6" ht="60" customHeight="1" x14ac:dyDescent="0.4">
      <c r="A33" s="4">
        <v>31</v>
      </c>
      <c r="B33" s="6" t="s">
        <v>58</v>
      </c>
      <c r="C33" s="7" t="s">
        <v>59</v>
      </c>
      <c r="D33" s="4">
        <v>9</v>
      </c>
      <c r="E33" s="4" t="s">
        <v>16</v>
      </c>
      <c r="F33" s="13"/>
    </row>
    <row r="34" spans="1:6" ht="60" customHeight="1" x14ac:dyDescent="0.4">
      <c r="A34" s="4">
        <v>32</v>
      </c>
      <c r="B34" s="7" t="s">
        <v>60</v>
      </c>
      <c r="C34" s="7" t="s">
        <v>61</v>
      </c>
      <c r="D34" s="4">
        <v>10</v>
      </c>
      <c r="E34" s="4" t="s">
        <v>62</v>
      </c>
      <c r="F34" s="13"/>
    </row>
    <row r="35" spans="1:6" ht="60" customHeight="1" x14ac:dyDescent="0.4">
      <c r="A35" s="4">
        <v>33</v>
      </c>
      <c r="B35" s="7" t="s">
        <v>63</v>
      </c>
      <c r="C35" s="7" t="s">
        <v>64</v>
      </c>
      <c r="D35" s="4">
        <v>1</v>
      </c>
      <c r="E35" s="4" t="s">
        <v>7</v>
      </c>
      <c r="F35" s="13"/>
    </row>
    <row r="36" spans="1:6" ht="60" customHeight="1" x14ac:dyDescent="0.4">
      <c r="A36" s="4">
        <v>34</v>
      </c>
      <c r="B36" s="7" t="s">
        <v>65</v>
      </c>
      <c r="C36" s="7" t="s">
        <v>66</v>
      </c>
      <c r="D36" s="4">
        <v>1</v>
      </c>
      <c r="E36" s="4" t="s">
        <v>7</v>
      </c>
      <c r="F36" s="13"/>
    </row>
    <row r="37" spans="1:6" ht="60" customHeight="1" x14ac:dyDescent="0.4">
      <c r="A37" s="4">
        <v>35</v>
      </c>
      <c r="B37" s="7" t="s">
        <v>67</v>
      </c>
      <c r="C37" s="7"/>
      <c r="D37" s="4">
        <v>12</v>
      </c>
      <c r="E37" s="4" t="s">
        <v>16</v>
      </c>
      <c r="F37" s="13" t="s">
        <v>68</v>
      </c>
    </row>
    <row r="38" spans="1:6" ht="60" customHeight="1" x14ac:dyDescent="0.4">
      <c r="A38" s="4">
        <v>36</v>
      </c>
      <c r="B38" s="7" t="s">
        <v>69</v>
      </c>
      <c r="C38" s="7" t="s">
        <v>70</v>
      </c>
      <c r="D38" s="4">
        <v>10</v>
      </c>
      <c r="E38" s="4" t="s">
        <v>16</v>
      </c>
      <c r="F38" s="13"/>
    </row>
    <row r="39" spans="1:6" ht="60" customHeight="1" x14ac:dyDescent="0.4">
      <c r="A39" s="4">
        <v>37</v>
      </c>
      <c r="B39" s="7" t="s">
        <v>71</v>
      </c>
      <c r="C39" s="7" t="s">
        <v>72</v>
      </c>
      <c r="D39" s="4">
        <v>3</v>
      </c>
      <c r="E39" s="4" t="s">
        <v>7</v>
      </c>
      <c r="F39" s="13"/>
    </row>
    <row r="40" spans="1:6" ht="60" customHeight="1" x14ac:dyDescent="0.4">
      <c r="A40" s="4">
        <v>38</v>
      </c>
      <c r="B40" s="7" t="s">
        <v>73</v>
      </c>
      <c r="C40" s="7"/>
      <c r="D40" s="4">
        <v>19</v>
      </c>
      <c r="E40" s="4" t="s">
        <v>16</v>
      </c>
      <c r="F40" s="13"/>
    </row>
    <row r="41" spans="1:6" ht="60" customHeight="1" x14ac:dyDescent="0.4">
      <c r="A41" s="4">
        <v>39</v>
      </c>
      <c r="B41" s="7" t="s">
        <v>74</v>
      </c>
      <c r="C41" s="7"/>
      <c r="D41" s="4">
        <v>19</v>
      </c>
      <c r="E41" s="4" t="s">
        <v>16</v>
      </c>
      <c r="F41" s="13"/>
    </row>
    <row r="42" spans="1:6" ht="60" customHeight="1" x14ac:dyDescent="0.4">
      <c r="A42" s="4">
        <v>40</v>
      </c>
      <c r="B42" s="7" t="s">
        <v>75</v>
      </c>
      <c r="C42" s="7"/>
      <c r="D42" s="4">
        <v>6</v>
      </c>
      <c r="E42" s="4" t="s">
        <v>16</v>
      </c>
      <c r="F42" s="13"/>
    </row>
    <row r="43" spans="1:6" ht="60" customHeight="1" x14ac:dyDescent="0.4">
      <c r="A43" s="4">
        <v>41</v>
      </c>
      <c r="B43" s="7" t="s">
        <v>76</v>
      </c>
      <c r="C43" s="7" t="s">
        <v>77</v>
      </c>
      <c r="D43" s="4">
        <v>1</v>
      </c>
      <c r="E43" s="4" t="s">
        <v>7</v>
      </c>
      <c r="F43" s="13"/>
    </row>
    <row r="44" spans="1:6" ht="60" customHeight="1" x14ac:dyDescent="0.4">
      <c r="A44" s="4">
        <v>42</v>
      </c>
      <c r="B44" s="7" t="s">
        <v>78</v>
      </c>
      <c r="C44" s="7" t="s">
        <v>79</v>
      </c>
      <c r="D44" s="4">
        <v>5</v>
      </c>
      <c r="E44" s="4" t="s">
        <v>7</v>
      </c>
      <c r="F44" s="13"/>
    </row>
    <row r="45" spans="1:6" ht="60" customHeight="1" x14ac:dyDescent="0.4">
      <c r="A45" s="4">
        <v>43</v>
      </c>
      <c r="B45" s="6" t="s">
        <v>80</v>
      </c>
      <c r="C45" s="7"/>
      <c r="D45" s="4">
        <v>4</v>
      </c>
      <c r="E45" s="4" t="s">
        <v>16</v>
      </c>
      <c r="F45" s="13"/>
    </row>
    <row r="46" spans="1:6" ht="60" customHeight="1" x14ac:dyDescent="0.4">
      <c r="A46" s="4">
        <v>44</v>
      </c>
      <c r="B46" s="6" t="s">
        <v>81</v>
      </c>
      <c r="C46" s="7"/>
      <c r="D46" s="4">
        <v>4</v>
      </c>
      <c r="E46" s="4" t="s">
        <v>16</v>
      </c>
      <c r="F46" s="13"/>
    </row>
  </sheetData>
  <mergeCells count="2">
    <mergeCell ref="A1:D1"/>
    <mergeCell ref="E1:F1"/>
  </mergeCells>
  <phoneticPr fontId="1"/>
  <printOptions horizontalCentered="1"/>
  <pageMargins left="0.19685039370078741" right="0.19685039370078741" top="0.39370078740157483" bottom="0.39370078740157483" header="0.31496062992125984" footer="0.31496062992125984"/>
  <pageSetup paperSize="9" orientation="portrait" r:id="rId1"/>
  <rowBreaks count="1" manualBreakCount="1">
    <brk id="24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貸出用具一覧表</vt:lpstr>
      <vt:lpstr>貸出用具一覧表!Print_Area</vt:lpstr>
      <vt:lpstr>貸出用具一覧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22-03-31T05:12:28Z</cp:lastPrinted>
  <dcterms:created xsi:type="dcterms:W3CDTF">2022-03-17T05:41:53Z</dcterms:created>
  <dcterms:modified xsi:type="dcterms:W3CDTF">2023-08-03T05:12:05Z</dcterms:modified>
</cp:coreProperties>
</file>